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unni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Graphics, Lettertype, schermopname&#10;&#10;Automatisch gegenereerde beschrijving">
            <a:extLst>
              <a:ext uri="{FF2B5EF4-FFF2-40B4-BE49-F238E27FC236}">
                <a16:creationId xmlns:a16="http://schemas.microsoft.com/office/drawing/2014/main" id="{AE6F5782-8A71-2485-CE86-850483A7DBC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560411"/>
            <a:ext cx="2181988"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Graphics, Lettertype, schermopname&#10;&#10;Automatisch gegenereerde beschrijving">
            <a:extLst>
              <a:ext uri="{FF2B5EF4-FFF2-40B4-BE49-F238E27FC236}">
                <a16:creationId xmlns:a16="http://schemas.microsoft.com/office/drawing/2014/main" id="{65784E89-71A3-37E3-C45F-779BC00F652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376" y="3712021"/>
            <a:ext cx="1657649" cy="159797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15T13:58:28Z</dcterms:modified>
</cp:coreProperties>
</file>